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4D2998F" w14:textId="77777777" w:rsidR="00563BC1" w:rsidRPr="00563BC1" w:rsidRDefault="00563BC1" w:rsidP="00563BC1">
      <w:pPr>
        <w:spacing w:after="200" w:line="276" w:lineRule="auto"/>
        <w:rPr>
          <w:rFonts w:ascii="Times New Roman" w:eastAsia="Calibri" w:hAnsi="Times New Roman" w:cs="Times New Roman"/>
          <w:b/>
          <w:bCs/>
          <w:sz w:val="20"/>
          <w:szCs w:val="20"/>
        </w:rPr>
      </w:pPr>
      <w:r w:rsidRPr="00563BC1">
        <w:rPr>
          <w:rFonts w:ascii="Times New Roman" w:eastAsia="Calibri" w:hAnsi="Times New Roman" w:cs="Times New Roman"/>
          <w:b/>
          <w:bCs/>
          <w:sz w:val="20"/>
          <w:szCs w:val="20"/>
        </w:rPr>
        <w:t>Supplementary Table S2. Associations of demographic and clinical characteristics with risk of breast cancer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103"/>
        <w:gridCol w:w="1640"/>
        <w:gridCol w:w="2067"/>
        <w:gridCol w:w="2206"/>
      </w:tblGrid>
      <w:tr w:rsidR="00563BC1" w:rsidRPr="00563BC1" w14:paraId="515F64D6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E59D76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Characteristic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47A9C45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Cases/Pyr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6DD23D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  <w:vertAlign w:val="superscript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Unadjusted</w:t>
            </w:r>
            <w:r w:rsidRPr="00563BC1">
              <w:rPr>
                <w:rFonts w:ascii="Times New Roman" w:eastAsia="Calibri" w:hAnsi="Times New Roman" w:cs="Times New Roman"/>
                <w:sz w:val="20"/>
                <w:szCs w:val="20"/>
                <w:vertAlign w:val="superscript"/>
              </w:rPr>
              <w:t>1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7CB5468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  <w:vertAlign w:val="superscript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Multivariable-Adjusted</w:t>
            </w:r>
            <w:r w:rsidRPr="00563BC1">
              <w:rPr>
                <w:rFonts w:ascii="Times New Roman" w:eastAsia="Calibri" w:hAnsi="Times New Roman" w:cs="Times New Roman"/>
                <w:sz w:val="20"/>
                <w:szCs w:val="20"/>
                <w:vertAlign w:val="superscript"/>
              </w:rPr>
              <w:t>2</w:t>
            </w:r>
          </w:p>
        </w:tc>
      </w:tr>
      <w:tr w:rsidR="00563BC1" w:rsidRPr="00563BC1" w14:paraId="5394F97C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3AC3DC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  <w:vertAlign w:val="superscript"/>
              </w:rPr>
            </w:pP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</w:tcPr>
          <w:p w14:paraId="11CB0BE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5948C7D" w14:textId="77777777" w:rsidR="00563BC1" w:rsidRPr="00563BC1" w:rsidRDefault="00563BC1" w:rsidP="00563BC1">
            <w:pPr>
              <w:jc w:val="center"/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HR (95%CI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1EDE5CA5" w14:textId="77777777" w:rsidR="00563BC1" w:rsidRPr="00563BC1" w:rsidRDefault="00563BC1" w:rsidP="00563BC1">
            <w:pPr>
              <w:jc w:val="center"/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HR (95% CI)</w:t>
            </w:r>
          </w:p>
        </w:tc>
      </w:tr>
      <w:tr w:rsidR="00563BC1" w:rsidRPr="00563BC1" w14:paraId="0A85AD19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1533F83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Benign Breast Disease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</w:tcPr>
          <w:p w14:paraId="05C54A1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</w:tcPr>
          <w:p w14:paraId="7CB8297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</w:tcPr>
          <w:p w14:paraId="401BEDF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55D81A42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454E55A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No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9398D2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2,082 / 484,983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FE94A6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3D7B8C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2C83F5D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E7434C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Ye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B18EE1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814 / 282,900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671B1C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51 (1.42-1.61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2BD201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45 (1.36-1.55)</w:t>
            </w:r>
          </w:p>
        </w:tc>
      </w:tr>
      <w:tr w:rsidR="00563BC1" w:rsidRPr="00563BC1" w14:paraId="00F4312C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D7AB50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Race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4780F8A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39CF462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5FC418B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222B175E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30F038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White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2083C9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3,789 / 749,312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10A838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B64B97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2E654D59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6A2C398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Black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DA7DBB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55 / 9,785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BA4D5F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1 (0.85-1.45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DB25B4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6 (0.88-1.51)</w:t>
            </w:r>
          </w:p>
        </w:tc>
      </w:tr>
      <w:tr w:rsidR="00563BC1" w:rsidRPr="00563BC1" w14:paraId="3183C7C7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7F5527E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Other/Missing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0E870D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52 / 8,785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03E545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7 (0.89-1.54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236F5E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26 (0.96-1.66)</w:t>
            </w:r>
          </w:p>
        </w:tc>
      </w:tr>
      <w:tr w:rsidR="00563BC1" w:rsidRPr="00563BC1" w14:paraId="540AA769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793ED9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Weight Gain as an Adult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710F957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7DE5287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5B4DD5A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5A95831D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7C53A0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&gt;5 lbs lost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44F813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421 / 94,352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91E26E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7 (0.86-1.09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4C73DA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4 (0.84-1.06)</w:t>
            </w:r>
          </w:p>
        </w:tc>
      </w:tr>
      <w:tr w:rsidR="00563BC1" w:rsidRPr="00563BC1" w14:paraId="24FF6783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4D3E00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-5 to 20 lbs gained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F45527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843 / 182,667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17A743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1C9C7B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03CA4A0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7532D09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21-40 lbs gained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97A614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110 / 219,063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6F2512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0 (1.00-1.20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91F609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4 (1.04-1.25)</w:t>
            </w:r>
          </w:p>
        </w:tc>
      </w:tr>
      <w:tr w:rsidR="00563BC1" w:rsidRPr="00563BC1" w14:paraId="63AFBF3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0286534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41-60 lbs gained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635536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698 / 125,316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6CDB8B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21 (1.09-1.33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D341FA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31 (1.18-1.45)</w:t>
            </w:r>
          </w:p>
        </w:tc>
      </w:tr>
      <w:tr w:rsidR="00563BC1" w:rsidRPr="00563BC1" w14:paraId="170263F1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6847372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61+ lbs gained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F1BF0B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479 / 77,766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DEF827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33 (1.19-1.49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86DCA9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51 (1.34-1.69)</w:t>
            </w:r>
          </w:p>
        </w:tc>
      </w:tr>
      <w:tr w:rsidR="00563BC1" w:rsidRPr="00563BC1" w14:paraId="342C9BCA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1C0E0E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Missing/Unknown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F80DB4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345 / 68,718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D69191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9 (0.96-1.23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3F39F2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5 (1.01-1.30)</w:t>
            </w:r>
          </w:p>
        </w:tc>
      </w:tr>
      <w:tr w:rsidR="00563BC1" w:rsidRPr="00563BC1" w14:paraId="38B5F5F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E61765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Highest Level of Education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6C04C46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0DEFD8D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455DC0B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6127E1E0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7A97F9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Less than High School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C8F7CB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15 / 29,257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7AF9A2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82 (0.67-0.99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6B9636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0 (0.74-1.09)</w:t>
            </w:r>
          </w:p>
        </w:tc>
      </w:tr>
      <w:tr w:rsidR="00563BC1" w:rsidRPr="00563BC1" w14:paraId="1663872C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2113EB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High School Grad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A9EF0D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138 / 237,08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E8AD24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EB0F99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1717769C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034565C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Some College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85D242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190 / 239,92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840EF3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3 (0.95-1.12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E261C4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8 (0.90-1.06)</w:t>
            </w:r>
          </w:p>
        </w:tc>
      </w:tr>
      <w:tr w:rsidR="00563BC1" w:rsidRPr="00563BC1" w14:paraId="5EB97F36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7A2DF5B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College Grad/Grad School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039674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428 / 256,80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53B959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6 (1.07-1.25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9E76FD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1 (0.93-1.10)</w:t>
            </w:r>
          </w:p>
        </w:tc>
      </w:tr>
      <w:tr w:rsidR="00563BC1" w:rsidRPr="00563BC1" w14:paraId="67CBD1E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0D52361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Unknown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5F2441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25 / 4,81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A2BB6A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8 (0.73-1.61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A0AB4E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2 (0.68-1.51)</w:t>
            </w:r>
          </w:p>
        </w:tc>
      </w:tr>
      <w:tr w:rsidR="00563BC1" w:rsidRPr="00563BC1" w14:paraId="15A06B44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11402A5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Ever Oral Contraceptive Use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65A41D0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63FA407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1288653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2C85B49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463FD99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Never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A8B06B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2,131 / 443,783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28D6F4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6F3A82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3C55C449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06D939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Ever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6C4E5E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719 / 316,211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AB55A2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4 (1.07-1.21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A51B9E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8 (1.01-1.16)</w:t>
            </w:r>
          </w:p>
        </w:tc>
      </w:tr>
      <w:tr w:rsidR="00563BC1" w:rsidRPr="00563BC1" w14:paraId="1ED56D4E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4157F78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Missing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6C04CD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46 / 7,888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A518B0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21 (0.91-1.62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55090F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22 (0.91-1.63)</w:t>
            </w:r>
          </w:p>
        </w:tc>
      </w:tr>
      <w:tr w:rsidR="00563BC1" w:rsidRPr="00563BC1" w14:paraId="7B9B2521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7CCF178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Smoking Statu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2FC7BB1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1C60473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349963E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1ACF18E3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09EC5F5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Never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C13871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2,103 / 438,627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43182E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A78793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4D811F5B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15FA712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Current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3D3402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26 / 28,271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A50FC5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2 (0.77-1.10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FEDB68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8 (0.82-1.18)</w:t>
            </w:r>
          </w:p>
        </w:tc>
      </w:tr>
      <w:tr w:rsidR="00563BC1" w:rsidRPr="00563BC1" w14:paraId="34FC46DA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6D9CC19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Former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1BCC94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667 / 300,912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2818A0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6 (1.08-1.23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E98BFA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8 (1.01-1.16)</w:t>
            </w:r>
          </w:p>
        </w:tc>
      </w:tr>
      <w:tr w:rsidR="00563BC1" w:rsidRPr="00563BC1" w14:paraId="2AC9A3D7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4D36D7F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Unknown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C08C0A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 / 73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6D2B16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NA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BECE99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NA</w:t>
            </w:r>
          </w:p>
        </w:tc>
      </w:tr>
      <w:tr w:rsidR="00563BC1" w:rsidRPr="00563BC1" w14:paraId="2A700073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149F371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Age at Menarche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3B121C5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40D70AE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14CA281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36C8496F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5CE015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&lt;=12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B15231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740 / 342,609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4F1139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8 (0.91-1.05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F8830E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9 (0.92-1.06)</w:t>
            </w:r>
          </w:p>
        </w:tc>
      </w:tr>
      <w:tr w:rsidR="00563BC1" w:rsidRPr="00563BC1" w14:paraId="535ABE4C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CB6006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13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D3ABB3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187 / 228,356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12D55F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346EF6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37EA07AE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B4343D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13+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E8DDAC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916 / 186,323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30FF2E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5 (0.87-1.03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5E6F24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5 (0.87-1.04)</w:t>
            </w:r>
          </w:p>
        </w:tc>
      </w:tr>
      <w:tr w:rsidR="00563BC1" w:rsidRPr="00563BC1" w14:paraId="3686F582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8356F5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Missing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4FDEB6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53 / 10,59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C3C6CC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6 (0.73-1.26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525645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1 (0.69-1.21)</w:t>
            </w:r>
          </w:p>
        </w:tc>
      </w:tr>
      <w:tr w:rsidR="00563BC1" w:rsidRPr="00563BC1" w14:paraId="4A688EE6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728553F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Age at Menopause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7FF31F7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2D0B186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1DB52C1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71F82FAA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83ED7A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&lt;45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DE43A8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759 / 173,163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7A5EF2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80 (0.74-0.88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3D3DDF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83 (0.75-0.91)</w:t>
            </w:r>
          </w:p>
        </w:tc>
      </w:tr>
      <w:tr w:rsidR="00563BC1" w:rsidRPr="00563BC1" w14:paraId="3E084CE6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949772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45 - &lt;50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26D10A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864 / 184,337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D2579D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86 (0.79-0.94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1C0018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87 (0.80-0.95)</w:t>
            </w:r>
          </w:p>
        </w:tc>
      </w:tr>
      <w:tr w:rsidR="00563BC1" w:rsidRPr="00563BC1" w14:paraId="27A0791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F7AE2C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50 - &lt;54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859F6B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381 / 253,34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E5B3DF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D66463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2211A267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251F0F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54+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C95575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570 / 99,70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844A63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5 (0.95-1.16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CAA086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4 (0.94-1.14)</w:t>
            </w:r>
          </w:p>
        </w:tc>
      </w:tr>
      <w:tr w:rsidR="00563BC1" w:rsidRPr="00563BC1" w14:paraId="561E8334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198FFF7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Missing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4476A7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322 / 57,335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2CC3DF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3 (0.92-1.17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071BAF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2 (0.89-1.17)</w:t>
            </w:r>
          </w:p>
        </w:tc>
      </w:tr>
      <w:tr w:rsidR="00563BC1" w:rsidRPr="00563BC1" w14:paraId="40CC0AB8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6B9C3AD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Use of Hormone Replacement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6389C82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37D08B2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56777B8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534294E3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6EC412A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Never User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30C7A6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918 / 194,490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0C0338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886B7B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7AFC2A6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C56A52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lastRenderedPageBreak/>
              <w:t xml:space="preserve">    Current Est-only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30A971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644 / 120,492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85349F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5 (1.03-1.27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E493ED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5 (1.03-1.28)</w:t>
            </w:r>
          </w:p>
        </w:tc>
      </w:tr>
      <w:tr w:rsidR="00563BC1" w:rsidRPr="00563BC1" w14:paraId="79443ED3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6F36DA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Former Est-only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3C2C7B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535 / 133,879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2753AE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84 (0.75-0.93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660C3C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83 (0.74-0.93)</w:t>
            </w:r>
          </w:p>
        </w:tc>
      </w:tr>
      <w:tr w:rsidR="00563BC1" w:rsidRPr="00563BC1" w14:paraId="6C3C140F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4A2B1D1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Former Est+Prog User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306C4C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479 / 89,493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5B7071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2 (1.00-1.25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996E0D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2 (0.91-1.14)</w:t>
            </w:r>
          </w:p>
        </w:tc>
      </w:tr>
      <w:tr w:rsidR="00563BC1" w:rsidRPr="00563BC1" w14:paraId="0042007B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7DA64A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Current Est+Prog User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05364F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571 / 71,94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A54D72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70 (1.53-1.89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3CDFBC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63 (1.46-1.82)</w:t>
            </w:r>
          </w:p>
        </w:tc>
      </w:tr>
      <w:tr w:rsidR="00563BC1" w:rsidRPr="00563BC1" w14:paraId="3620803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7F191EB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Other/Unknown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1BC168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749 / 157,58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7B8AB7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0.91-1.10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2976C3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7 (0.88-1.08)</w:t>
            </w:r>
          </w:p>
        </w:tc>
      </w:tr>
      <w:tr w:rsidR="00563BC1" w:rsidRPr="00563BC1" w14:paraId="0E148A58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17E34A7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Family History of Breast Cancer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05ADAA6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726FEB9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4AADF17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11D9DBAB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450C02F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No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8DADC5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3,212 / 665,221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F4456F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BCA102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47E01FA7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6DCCF79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Ye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B42B50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684 / 102,662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9283D8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38 (1.27-1.50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7CDA92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36 (1.25-1.47)</w:t>
            </w:r>
          </w:p>
        </w:tc>
      </w:tr>
      <w:tr w:rsidR="00563BC1" w:rsidRPr="00563BC1" w14:paraId="324F3D4C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7C2B309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Parity/Age at First Birth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1FF50D4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170ACAE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1416307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54AA4F4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4EF593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Nulliparou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D3D525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319 / 53,761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48CAD8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3E99FF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691042AE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4AFFF0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1-2 Births, Age &lt;=24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ED79E2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618 / 121,161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0DA827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86 (0.75-0.99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9CB588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85 (0.74-0.98)</w:t>
            </w:r>
          </w:p>
        </w:tc>
      </w:tr>
      <w:tr w:rsidR="00563BC1" w:rsidRPr="00563BC1" w14:paraId="133D1863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FDAFA6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1-2 Births, Age 25-29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EC44E0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481 / 90,447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BF246D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0 (0.78-1.03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895BB3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88 (0.76-1.01)</w:t>
            </w:r>
          </w:p>
        </w:tc>
      </w:tr>
      <w:tr w:rsidR="00563BC1" w:rsidRPr="00563BC1" w14:paraId="4018B0D6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9DD3FC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1-2 Births, Age 30+ 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7E5209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239 / 39,44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C1F420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2 (0.86-1.21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633E65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0.84-1.18)</w:t>
            </w:r>
          </w:p>
        </w:tc>
      </w:tr>
      <w:tr w:rsidR="00563BC1" w:rsidRPr="00563BC1" w14:paraId="7D5D85A1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0E44C6C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3+ Births, Age &lt;20 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F8998C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227 / 53,175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CB5F84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72 (0.61-0.85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C01D53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73 (0.62-0.88)</w:t>
            </w:r>
          </w:p>
        </w:tc>
      </w:tr>
      <w:tr w:rsidR="00563BC1" w:rsidRPr="00563BC1" w14:paraId="61F608B2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07DC6BD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3+ Births, Age 20-24 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E222F2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176 / 263,695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0771A3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75 (0.67-0.85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436B62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74 (0.65-0.84)</w:t>
            </w:r>
          </w:p>
        </w:tc>
      </w:tr>
      <w:tr w:rsidR="00563BC1" w:rsidRPr="00563BC1" w14:paraId="6C68CBB9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6B8866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3+ Births, Age 25-29 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009134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633 / 113,400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735804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4 (0.82-1.08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A871CC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2 (0.80-1.06)</w:t>
            </w:r>
          </w:p>
        </w:tc>
      </w:tr>
      <w:tr w:rsidR="00563BC1" w:rsidRPr="00563BC1" w14:paraId="7343FD8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0B5C5D9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3+ Births, Age 30+ 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17F143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99 / 15,773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336675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6 (0.84-1.32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926DEF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7 (0.85-1.35)</w:t>
            </w:r>
          </w:p>
        </w:tc>
      </w:tr>
      <w:tr w:rsidR="00563BC1" w:rsidRPr="00563BC1" w14:paraId="744FBBBF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1261D11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Missing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D9EA62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04 / 17,028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A5A429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3 (0.82-1.28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3B8D1A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2 (0.81-1.28)</w:t>
            </w:r>
          </w:p>
        </w:tc>
      </w:tr>
      <w:tr w:rsidR="00563BC1" w:rsidRPr="00563BC1" w14:paraId="53250DBB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1E2848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Recent Mammogram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5A03D9E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60CC6EF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1DC96B4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12747A81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4F8CACB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No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2CA533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401 / 112,445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6E6B54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BC43D6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7DDEF3D0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198C516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Ye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71C7CA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3,441 / 644,12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AE77D3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49 (1.34-1.65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DBAAF2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29 (1.16-1.43)</w:t>
            </w:r>
          </w:p>
        </w:tc>
      </w:tr>
      <w:tr w:rsidR="00563BC1" w:rsidRPr="00563BC1" w14:paraId="45ADC6D3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6D3C61A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Missing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07C387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54 / 11,314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88DEDA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33 (1.00-1.77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7E274F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33 (1.00-1.79)</w:t>
            </w:r>
          </w:p>
        </w:tc>
      </w:tr>
      <w:tr w:rsidR="00563BC1" w:rsidRPr="00563BC1" w14:paraId="194A91E4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6B1752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History of Hypertension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50E9281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1BB41E6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67FE13C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7FCABD73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CCB995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No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9C588D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843 / 366,647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A1EDCA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D047A0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2DA4A9B8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1FD2F39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Ye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AD7C9C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2,053 / 401,236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3650D5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3 (0.96-1.10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6BEB7F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0.93-1.07)</w:t>
            </w:r>
          </w:p>
        </w:tc>
      </w:tr>
      <w:tr w:rsidR="00563BC1" w:rsidRPr="00563BC1" w14:paraId="5D6917CA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10FBEA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History of Diabete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7411D91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6BC2520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18D2789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2382C16F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3C27F8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No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7A3C53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3,394 / 668,249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0D0F6D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B9B651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2ACE9043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6A43862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Ye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B7D92C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502 / 99,633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B74C09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0.91-1.10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90E75E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1 (0.92-1.12)</w:t>
            </w:r>
          </w:p>
        </w:tc>
      </w:tr>
      <w:tr w:rsidR="00563BC1" w:rsidRPr="00563BC1" w14:paraId="6E4A2D6D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18136A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History of Cardiovascular Disease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651A761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4332216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7537873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724BCB06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EBDAB8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No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D6945E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3,250 / 635,837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AABD18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C916E9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53F777DB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60B8AC4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Ye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7B5E67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646 / 132,046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856AEA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7 (0.89-1.05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076431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1 (0.92-1.11)</w:t>
            </w:r>
          </w:p>
        </w:tc>
      </w:tr>
      <w:tr w:rsidR="00563BC1" w:rsidRPr="00563BC1" w14:paraId="75259615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7BDEB7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Weekly MET-hrs of Activity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2C002B6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1D8DADB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5F4F02A6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48C01BD2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DFBA68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&lt;3.5 MET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A306F7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727 / 148,689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F31340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DA6881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4B99F2E7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0CF820F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3.5 - &lt;4.5 MET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61600E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544 / 106,866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52E190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4 (0.93-1.16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48208D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0.90-1.12)</w:t>
            </w:r>
          </w:p>
        </w:tc>
      </w:tr>
      <w:tr w:rsidR="00563BC1" w:rsidRPr="00563BC1" w14:paraId="1BABEABB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6C0856B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4.5 - &lt;14 MET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6F4942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048 / 188,889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FE4BA5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2 (1.02-1.24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4CD867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6 (0.96-1.17)</w:t>
            </w:r>
          </w:p>
        </w:tc>
      </w:tr>
      <w:tr w:rsidR="00563BC1" w:rsidRPr="00563BC1" w14:paraId="52F08384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D58D290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14 - &lt;21.5 MET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392B4D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748 / 146,917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E31078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3 (0.93-1.14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9FABB4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8 (0.88-1.09)</w:t>
            </w:r>
          </w:p>
        </w:tc>
      </w:tr>
      <w:tr w:rsidR="00563BC1" w:rsidRPr="00563BC1" w14:paraId="7DF5AAA4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6FF2332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21.5+ METs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9A1FF1E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645 / 135,295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6C4FD8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6 (0.86-1.07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E3F503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1 (0.81-1.01)</w:t>
            </w:r>
          </w:p>
        </w:tc>
      </w:tr>
      <w:tr w:rsidR="00563BC1" w:rsidRPr="00563BC1" w14:paraId="2EC05D24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4A0532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Unknown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5A30FD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84 / 41,226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BA414B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1 (0.77-1.07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60BC316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5 (0.80-1.12)</w:t>
            </w:r>
          </w:p>
        </w:tc>
      </w:tr>
      <w:tr w:rsidR="00563BC1" w:rsidRPr="00563BC1" w14:paraId="224845AD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24C1F94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>Alcohol Servings per Day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40860D43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71B79AB4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</w:tcPr>
          <w:p w14:paraId="2BB6E3A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</w:p>
        </w:tc>
      </w:tr>
      <w:tr w:rsidR="00563BC1" w:rsidRPr="00563BC1" w14:paraId="67E7FC5D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49A5C6A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None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7C3C9F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745 / 367,393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D27F0E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050D42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0 (ref)</w:t>
            </w:r>
          </w:p>
        </w:tc>
      </w:tr>
      <w:tr w:rsidR="00563BC1" w:rsidRPr="00563BC1" w14:paraId="0C3E04BF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49C9631C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&lt;1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DEC158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,383 / 263,410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5025BD1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11 (1.03-1.19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6894C3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06 (0.99-1.14)</w:t>
            </w:r>
          </w:p>
        </w:tc>
      </w:tr>
      <w:tr w:rsidR="00563BC1" w:rsidRPr="00563BC1" w14:paraId="0353A09E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4248C55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1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CC8608A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361 / 55,640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2E2C9395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36 (1.22-1.53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7F2681EF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31 (1.17-1.48)</w:t>
            </w:r>
          </w:p>
        </w:tc>
      </w:tr>
      <w:tr w:rsidR="00563BC1" w:rsidRPr="00563BC1" w14:paraId="145369AB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3A458B5D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2+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90050F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58 / 23,636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3C2E1C72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40 (1.19-1.65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500614A9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1.35 (1.14-1.59)</w:t>
            </w:r>
          </w:p>
        </w:tc>
      </w:tr>
      <w:tr w:rsidR="00563BC1" w:rsidRPr="00563BC1" w14:paraId="18337401" w14:textId="77777777" w:rsidTr="00433E83">
        <w:trPr>
          <w:trHeight w:val="290"/>
        </w:trPr>
        <w:tc>
          <w:tcPr>
            <w:tcW w:w="316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hideMark/>
          </w:tcPr>
          <w:p w14:paraId="5F098987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sz w:val="20"/>
                <w:szCs w:val="20"/>
              </w:rPr>
              <w:t xml:space="preserve">    Missing</w:t>
            </w:r>
          </w:p>
        </w:tc>
        <w:tc>
          <w:tcPr>
            <w:tcW w:w="167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0BEDFA08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249 / 57,803</w:t>
            </w:r>
          </w:p>
        </w:tc>
        <w:tc>
          <w:tcPr>
            <w:tcW w:w="210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439DAD4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2 (0.80-1.05)</w:t>
            </w:r>
          </w:p>
        </w:tc>
        <w:tc>
          <w:tcPr>
            <w:tcW w:w="22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noWrap/>
            <w:vAlign w:val="bottom"/>
            <w:hideMark/>
          </w:tcPr>
          <w:p w14:paraId="130DEC6B" w14:textId="77777777" w:rsidR="00563BC1" w:rsidRPr="00563BC1" w:rsidRDefault="00563BC1" w:rsidP="00563BC1">
            <w:pPr>
              <w:rPr>
                <w:rFonts w:ascii="Times New Roman" w:eastAsia="Calibri" w:hAnsi="Times New Roman" w:cs="Times New Roman"/>
                <w:sz w:val="20"/>
                <w:szCs w:val="20"/>
              </w:rPr>
            </w:pPr>
            <w:r w:rsidRPr="00563BC1">
              <w:rPr>
                <w:rFonts w:ascii="Times New Roman" w:eastAsia="Calibri" w:hAnsi="Times New Roman" w:cs="Times New Roman"/>
                <w:color w:val="000000"/>
                <w:sz w:val="20"/>
                <w:szCs w:val="20"/>
              </w:rPr>
              <w:t>0.94 (0.82-1.08)</w:t>
            </w:r>
          </w:p>
        </w:tc>
      </w:tr>
    </w:tbl>
    <w:p w14:paraId="08F60782" w14:textId="77777777" w:rsidR="00563BC1" w:rsidRPr="00563BC1" w:rsidRDefault="00563BC1" w:rsidP="00563BC1">
      <w:pPr>
        <w:spacing w:after="200" w:line="276" w:lineRule="auto"/>
        <w:rPr>
          <w:rFonts w:ascii="Times New Roman" w:eastAsia="Calibri" w:hAnsi="Times New Roman" w:cs="Times New Roman"/>
          <w:sz w:val="20"/>
          <w:szCs w:val="20"/>
        </w:rPr>
      </w:pPr>
      <w:r w:rsidRPr="00563BC1">
        <w:rPr>
          <w:rFonts w:ascii="Times New Roman" w:eastAsia="Calibri" w:hAnsi="Times New Roman" w:cs="Times New Roman"/>
          <w:sz w:val="20"/>
          <w:szCs w:val="20"/>
        </w:rPr>
        <w:t xml:space="preserve">HR, hazard ratio; CI, confidence interval; est, estrogen; prog, progesterone; METs, metabolic equivalent of task; Pyr, person-years. Per-category numbers of events and person-years may not sum to total number of events and </w:t>
      </w:r>
      <w:r w:rsidRPr="00563BC1">
        <w:rPr>
          <w:rFonts w:ascii="Times New Roman" w:eastAsia="Calibri" w:hAnsi="Times New Roman" w:cs="Times New Roman"/>
          <w:sz w:val="20"/>
          <w:szCs w:val="20"/>
        </w:rPr>
        <w:lastRenderedPageBreak/>
        <w:t>person-years due to missing values for some variables. P-values are nominal (unordered) tests for homogeneity of BC risk across the multiple categories of a given variable.</w:t>
      </w:r>
    </w:p>
    <w:p w14:paraId="618AC218" w14:textId="77777777" w:rsidR="00563BC1" w:rsidRPr="00563BC1" w:rsidRDefault="00563BC1" w:rsidP="00563BC1">
      <w:pPr>
        <w:spacing w:after="200" w:line="276" w:lineRule="auto"/>
        <w:rPr>
          <w:rFonts w:ascii="Times New Roman" w:eastAsia="Calibri" w:hAnsi="Times New Roman" w:cs="Times New Roman"/>
          <w:sz w:val="20"/>
          <w:szCs w:val="20"/>
        </w:rPr>
      </w:pPr>
      <w:r w:rsidRPr="00563BC1">
        <w:rPr>
          <w:rFonts w:ascii="Times New Roman" w:eastAsia="Calibri" w:hAnsi="Times New Roman" w:cs="Times New Roman"/>
          <w:sz w:val="20"/>
          <w:szCs w:val="20"/>
        </w:rPr>
        <w:t xml:space="preserve">Cox proportional hazards regression analysis.  </w:t>
      </w:r>
    </w:p>
    <w:p w14:paraId="2344F194" w14:textId="77777777" w:rsidR="00563BC1" w:rsidRPr="00563BC1" w:rsidRDefault="00563BC1" w:rsidP="00563BC1">
      <w:pPr>
        <w:numPr>
          <w:ilvl w:val="0"/>
          <w:numId w:val="1"/>
        </w:numPr>
        <w:spacing w:after="200" w:line="276" w:lineRule="auto"/>
        <w:contextualSpacing/>
        <w:rPr>
          <w:rFonts w:ascii="Times New Roman" w:eastAsia="Calibri" w:hAnsi="Times New Roman" w:cs="Times New Roman"/>
          <w:sz w:val="20"/>
          <w:szCs w:val="20"/>
        </w:rPr>
      </w:pPr>
      <w:r w:rsidRPr="00563BC1">
        <w:rPr>
          <w:rFonts w:ascii="Times New Roman" w:eastAsia="Calibri" w:hAnsi="Times New Roman" w:cs="Times New Roman"/>
          <w:sz w:val="20"/>
          <w:szCs w:val="20"/>
        </w:rPr>
        <w:t>Unadjusted Cox proportional hazards regression analysis.</w:t>
      </w:r>
    </w:p>
    <w:p w14:paraId="26F492F5" w14:textId="77777777" w:rsidR="00563BC1" w:rsidRPr="00563BC1" w:rsidRDefault="00563BC1" w:rsidP="00563BC1">
      <w:pPr>
        <w:numPr>
          <w:ilvl w:val="0"/>
          <w:numId w:val="1"/>
        </w:numPr>
        <w:spacing w:after="200" w:line="276" w:lineRule="auto"/>
        <w:contextualSpacing/>
        <w:rPr>
          <w:rFonts w:ascii="Times New Roman" w:eastAsia="Calibri" w:hAnsi="Times New Roman" w:cs="Times New Roman"/>
          <w:sz w:val="20"/>
          <w:szCs w:val="20"/>
        </w:rPr>
      </w:pPr>
      <w:r w:rsidRPr="00563BC1">
        <w:rPr>
          <w:rFonts w:ascii="Times New Roman" w:eastAsia="Calibri" w:hAnsi="Times New Roman" w:cs="Times New Roman"/>
          <w:sz w:val="20"/>
          <w:szCs w:val="20"/>
        </w:rPr>
        <w:t>Multivariate Cox proportional hazards regression analysis simultaneously including in the model all variables listed in the table and fitting age as a stratification variable.</w:t>
      </w:r>
    </w:p>
    <w:p w14:paraId="0FB692D4" w14:textId="77777777" w:rsidR="00563BC1" w:rsidRPr="00563BC1" w:rsidRDefault="00563BC1" w:rsidP="00563BC1">
      <w:pPr>
        <w:spacing w:after="200" w:line="276" w:lineRule="auto"/>
        <w:rPr>
          <w:rFonts w:ascii="Times New Roman" w:eastAsia="Calibri" w:hAnsi="Times New Roman" w:cs="Times New Roman"/>
          <w:sz w:val="20"/>
          <w:szCs w:val="20"/>
        </w:rPr>
      </w:pPr>
    </w:p>
    <w:p w14:paraId="0AC8B30D" w14:textId="77777777" w:rsidR="00C2111F" w:rsidRDefault="00C2111F"/>
    <w:sectPr w:rsidR="00C2111F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14758AA"/>
    <w:multiLevelType w:val="hybridMultilevel"/>
    <w:tmpl w:val="45F8CA1A"/>
    <w:lvl w:ilvl="0" w:tplc="BFD013AE">
      <w:start w:val="1"/>
      <w:numFmt w:val="decimal"/>
      <w:lvlText w:val="%1."/>
      <w:lvlJc w:val="left"/>
      <w:pPr>
        <w:ind w:left="720" w:hanging="360"/>
      </w:pPr>
      <w:rPr>
        <w:rFonts w:cstheme="minorBidi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>
      <w:start w:val="1"/>
      <w:numFmt w:val="decimal"/>
      <w:lvlText w:val="%4."/>
      <w:lvlJc w:val="left"/>
      <w:pPr>
        <w:ind w:left="2880" w:hanging="360"/>
      </w:pPr>
    </w:lvl>
    <w:lvl w:ilvl="4" w:tplc="04090019">
      <w:start w:val="1"/>
      <w:numFmt w:val="lowerLetter"/>
      <w:lvlText w:val="%5."/>
      <w:lvlJc w:val="left"/>
      <w:pPr>
        <w:ind w:left="3600" w:hanging="360"/>
      </w:pPr>
    </w:lvl>
    <w:lvl w:ilvl="5" w:tplc="0409001B">
      <w:start w:val="1"/>
      <w:numFmt w:val="lowerRoman"/>
      <w:lvlText w:val="%6."/>
      <w:lvlJc w:val="right"/>
      <w:pPr>
        <w:ind w:left="4320" w:hanging="180"/>
      </w:pPr>
    </w:lvl>
    <w:lvl w:ilvl="6" w:tplc="0409000F">
      <w:start w:val="1"/>
      <w:numFmt w:val="decimal"/>
      <w:lvlText w:val="%7."/>
      <w:lvlJc w:val="left"/>
      <w:pPr>
        <w:ind w:left="5040" w:hanging="360"/>
      </w:pPr>
    </w:lvl>
    <w:lvl w:ilvl="7" w:tplc="04090019">
      <w:start w:val="1"/>
      <w:numFmt w:val="lowerLetter"/>
      <w:lvlText w:val="%8."/>
      <w:lvlJc w:val="left"/>
      <w:pPr>
        <w:ind w:left="5760" w:hanging="360"/>
      </w:pPr>
    </w:lvl>
    <w:lvl w:ilvl="8" w:tplc="0409001B">
      <w:start w:val="1"/>
      <w:numFmt w:val="lowerRoman"/>
      <w:lvlText w:val="%9."/>
      <w:lvlJc w:val="right"/>
      <w:pPr>
        <w:ind w:left="6480" w:hanging="180"/>
      </w:pPr>
    </w:lvl>
  </w:abstractNum>
  <w:num w:numId="1" w16cid:durableId="1164008173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oNotDisplayPageBoundaries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63BC1"/>
    <w:rsid w:val="004C5CFB"/>
    <w:rsid w:val="00563BC1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4F38F301"/>
  <w15:chartTrackingRefBased/>
  <w15:docId w15:val="{C63F0E0D-231E-4AF2-BA56-6D4E59F046F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59"/>
    <w:unhideWhenUsed/>
    <w:rsid w:val="00563BC1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ierknt\AppData\Local\Temp\Templafy\WordVsto\ldoonsty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F59F068-31AA-4734-8411-3A56789CF4F8}">
  <ds:schemaRefs/>
</ds:datastoreItem>
</file>

<file path=customXml/itemProps2.xml><?xml version="1.0" encoding="utf-8"?>
<ds:datastoreItem xmlns:ds="http://schemas.openxmlformats.org/officeDocument/2006/customXml" ds:itemID="{464BD4C4-6B6E-4EA7-84C6-5A92CD7A9CA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doonsty.dotx</Template>
  <TotalTime>1</TotalTime>
  <Pages>3</Pages>
  <Words>818</Words>
  <Characters>4665</Characters>
  <Application>Microsoft Office Word</Application>
  <DocSecurity>4</DocSecurity>
  <Lines>38</Lines>
  <Paragraphs>10</Paragraphs>
  <ScaleCrop>false</ScaleCrop>
  <Company/>
  <LinksUpToDate>false</LinksUpToDate>
  <CharactersWithSpaces>547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ierkant, Robert A., M.S.</dc:creator>
  <cp:keywords/>
  <dc:description/>
  <cp:lastModifiedBy>Sherman, Mark E., M.D.</cp:lastModifiedBy>
  <cp:revision>2</cp:revision>
  <dcterms:created xsi:type="dcterms:W3CDTF">2022-12-14T12:52:00Z</dcterms:created>
  <dcterms:modified xsi:type="dcterms:W3CDTF">2022-12-14T12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cbrandtemplates</vt:lpwstr>
  </property>
  <property fmtid="{D5CDD505-2E9C-101B-9397-08002B2CF9AE}" pid="3" name="TemplafyTemplateId">
    <vt:lpwstr>637414016132152622</vt:lpwstr>
  </property>
  <property fmtid="{D5CDD505-2E9C-101B-9397-08002B2CF9AE}" pid="4" name="TemplafyUserProfileId">
    <vt:lpwstr>637541972647862668</vt:lpwstr>
  </property>
  <property fmtid="{D5CDD505-2E9C-101B-9397-08002B2CF9AE}" pid="5" name="TemplafyFromBlank">
    <vt:bool>true</vt:bool>
  </property>
</Properties>
</file>